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H:\Documents\EPI-server\Lønnssatser - redigering\2018\"/>
    </mc:Choice>
  </mc:AlternateContent>
  <xr:revisionPtr revIDLastSave="0" documentId="13_ncr:1_{A117FEA7-D9B0-470C-9B0C-40F2635F5439}" xr6:coauthVersionLast="36" xr6:coauthVersionMax="36" xr10:uidLastSave="{00000000-0000-0000-0000-000000000000}"/>
  <bookViews>
    <workbookView xWindow="0" yWindow="0" windowWidth="28800" windowHeight="11790" xr2:uid="{587AD042-19AE-47CE-BF26-F024F1D51253}"/>
  </bookViews>
  <sheets>
    <sheet name="Minstelønnstabell" sheetId="1" r:id="rId1"/>
  </sheets>
  <calcPr calcId="17902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26" uniqueCount="24">
  <si>
    <t>Stillingsgrupper</t>
  </si>
  <si>
    <t>0 år</t>
  </si>
  <si>
    <t>4 år</t>
  </si>
  <si>
    <t>8 år</t>
  </si>
  <si>
    <t>10 år</t>
  </si>
  <si>
    <t>16 år</t>
  </si>
  <si>
    <t>A</t>
  </si>
  <si>
    <t>Stillinger uten særskilt  krav om utdanning</t>
  </si>
  <si>
    <t>314 000</t>
  </si>
  <si>
    <t>B1</t>
  </si>
  <si>
    <t>Stillinger hvor det kreves fagarbeiderutdanning eller tilsvarende utdanning</t>
  </si>
  <si>
    <t>350 000</t>
  </si>
  <si>
    <t>355 000</t>
  </si>
  <si>
    <t>361 000</t>
  </si>
  <si>
    <t>B2</t>
  </si>
  <si>
    <t>Stillinger hvor det kreves fagarbeiderutdanning eller tilsvarende utdanning og autorisasjon etter lov om helsepersonell</t>
  </si>
  <si>
    <t>C</t>
  </si>
  <si>
    <t>Stillinger hvor det kreves 3 års høyskoleutdanning</t>
  </si>
  <si>
    <t>400 000</t>
  </si>
  <si>
    <t>D</t>
  </si>
  <si>
    <t>Stillinger hvor det kreves om høyskoleutdanning samt ytterligere spesialutdanning</t>
  </si>
  <si>
    <t>LANDSOVERENSKOMST FOR SPESIALISTHELSETJENESTEN</t>
  </si>
  <si>
    <t>Lønnskategori</t>
  </si>
  <si>
    <t>Merknad: Virkningstidspunkt for den enkelte ansatte avhenger av fagforeningsmedlemskap, se tariffnytt for dato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Calibri"/>
      <family val="2"/>
      <scheme val="minor"/>
    </font>
    <font>
      <b/>
      <sz val="12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3">
    <xf numFmtId="0" fontId="0" fillId="0" borderId="0" xfId="0"/>
    <xf numFmtId="0" fontId="1" fillId="0" borderId="0" xfId="0" applyFont="1" applyAlignment="1">
      <alignment vertical="center"/>
    </xf>
    <xf numFmtId="0" fontId="0" fillId="0" borderId="1" xfId="0" applyBorder="1"/>
    <xf numFmtId="3" fontId="0" fillId="0" borderId="1" xfId="0" applyNumberFormat="1" applyBorder="1" applyAlignment="1">
      <alignment horizontal="left"/>
    </xf>
    <xf numFmtId="0" fontId="0" fillId="0" borderId="2" xfId="0" applyBorder="1"/>
    <xf numFmtId="0" fontId="0" fillId="0" borderId="3" xfId="0" applyBorder="1"/>
    <xf numFmtId="0" fontId="0" fillId="0" borderId="4" xfId="0" applyBorder="1"/>
    <xf numFmtId="0" fontId="0" fillId="0" borderId="5" xfId="0" applyBorder="1"/>
    <xf numFmtId="3" fontId="0" fillId="0" borderId="6" xfId="0" applyNumberFormat="1" applyBorder="1" applyAlignment="1">
      <alignment horizontal="left"/>
    </xf>
    <xf numFmtId="0" fontId="0" fillId="0" borderId="7" xfId="0" applyBorder="1"/>
    <xf numFmtId="0" fontId="0" fillId="0" borderId="8" xfId="0" applyBorder="1"/>
    <xf numFmtId="3" fontId="0" fillId="0" borderId="8" xfId="0" applyNumberFormat="1" applyBorder="1" applyAlignment="1">
      <alignment horizontal="left"/>
    </xf>
    <xf numFmtId="3" fontId="0" fillId="0" borderId="9" xfId="0" applyNumberFormat="1" applyBorder="1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3906B9-3104-4DA0-940A-1E4EE05EC3E8}">
  <dimension ref="A1:G10"/>
  <sheetViews>
    <sheetView tabSelected="1" workbookViewId="0"/>
  </sheetViews>
  <sheetFormatPr baseColWidth="10" defaultRowHeight="15" x14ac:dyDescent="0.25"/>
  <cols>
    <col min="1" max="1" width="17" customWidth="1"/>
    <col min="2" max="2" width="109" customWidth="1"/>
  </cols>
  <sheetData>
    <row r="1" spans="1:7" ht="15.75" x14ac:dyDescent="0.25">
      <c r="A1" s="1" t="s">
        <v>21</v>
      </c>
    </row>
    <row r="2" spans="1:7" ht="15.75" thickBot="1" x14ac:dyDescent="0.3"/>
    <row r="3" spans="1:7" x14ac:dyDescent="0.25">
      <c r="A3" s="4" t="s">
        <v>22</v>
      </c>
      <c r="B3" s="5" t="s">
        <v>0</v>
      </c>
      <c r="C3" s="5" t="s">
        <v>1</v>
      </c>
      <c r="D3" s="5" t="s">
        <v>2</v>
      </c>
      <c r="E3" s="5" t="s">
        <v>3</v>
      </c>
      <c r="F3" s="5" t="s">
        <v>4</v>
      </c>
      <c r="G3" s="6" t="s">
        <v>5</v>
      </c>
    </row>
    <row r="4" spans="1:7" x14ac:dyDescent="0.25">
      <c r="A4" s="7" t="s">
        <v>6</v>
      </c>
      <c r="B4" s="2" t="s">
        <v>7</v>
      </c>
      <c r="C4" s="3" t="s">
        <v>8</v>
      </c>
      <c r="D4" s="3">
        <v>319000</v>
      </c>
      <c r="E4" s="3">
        <v>330000</v>
      </c>
      <c r="F4" s="3">
        <v>375000</v>
      </c>
      <c r="G4" s="8">
        <v>402000</v>
      </c>
    </row>
    <row r="5" spans="1:7" x14ac:dyDescent="0.25">
      <c r="A5" s="7" t="s">
        <v>9</v>
      </c>
      <c r="B5" s="2" t="s">
        <v>10</v>
      </c>
      <c r="C5" s="3" t="s">
        <v>11</v>
      </c>
      <c r="D5" s="3" t="s">
        <v>12</v>
      </c>
      <c r="E5" s="3" t="s">
        <v>13</v>
      </c>
      <c r="F5" s="3">
        <v>415000</v>
      </c>
      <c r="G5" s="8"/>
    </row>
    <row r="6" spans="1:7" x14ac:dyDescent="0.25">
      <c r="A6" s="7" t="s">
        <v>14</v>
      </c>
      <c r="B6" s="2" t="s">
        <v>15</v>
      </c>
      <c r="C6" s="3" t="s">
        <v>11</v>
      </c>
      <c r="D6" s="3" t="s">
        <v>12</v>
      </c>
      <c r="E6" s="3">
        <v>361000</v>
      </c>
      <c r="F6" s="3">
        <v>415000</v>
      </c>
      <c r="G6" s="8"/>
    </row>
    <row r="7" spans="1:7" x14ac:dyDescent="0.25">
      <c r="A7" s="7" t="s">
        <v>16</v>
      </c>
      <c r="B7" s="2" t="s">
        <v>17</v>
      </c>
      <c r="C7" s="3" t="s">
        <v>18</v>
      </c>
      <c r="D7" s="3">
        <v>410000</v>
      </c>
      <c r="E7" s="3">
        <v>433000</v>
      </c>
      <c r="F7" s="3">
        <v>490000</v>
      </c>
      <c r="G7" s="8"/>
    </row>
    <row r="8" spans="1:7" ht="15.75" thickBot="1" x14ac:dyDescent="0.3">
      <c r="A8" s="9" t="s">
        <v>19</v>
      </c>
      <c r="B8" s="10" t="s">
        <v>20</v>
      </c>
      <c r="C8" s="11">
        <v>435000</v>
      </c>
      <c r="D8" s="11">
        <v>455000</v>
      </c>
      <c r="E8" s="11">
        <v>490000</v>
      </c>
      <c r="F8" s="11">
        <v>525000</v>
      </c>
      <c r="G8" s="12"/>
    </row>
    <row r="10" spans="1:7" x14ac:dyDescent="0.25">
      <c r="A10" t="s">
        <v>23</v>
      </c>
    </row>
  </sheetData>
  <sheetProtection algorithmName="SHA-512" hashValue="cvJurCX1kr4xQNVIQX2FR08vCeSXYs5d/s7w19t0f/ACohWwTHLKGoptZkKXVCoUeAiu8HQdnUNZaSyAg9PhcA==" saltValue="zYtk9t7DJw8cVmoPPIHniA==" spinCount="100000" sheet="1" objects="1" scenarios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1</vt:i4>
      </vt:variant>
    </vt:vector>
  </HeadingPairs>
  <TitlesOfParts>
    <vt:vector size="1" baseType="lpstr">
      <vt:lpstr>Minstelønnstabel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opher Tønnessen</dc:creator>
  <cp:lastModifiedBy>Marianne Harr</cp:lastModifiedBy>
  <dcterms:created xsi:type="dcterms:W3CDTF">2018-09-17T07:12:02Z</dcterms:created>
  <dcterms:modified xsi:type="dcterms:W3CDTF">2018-09-20T07:19:0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056708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95</vt:lpwstr>
  </property>
  <property fmtid="{D5CDD505-2E9C-101B-9397-08002B2CF9AE}" pid="9" name="FileName">
    <vt:lpwstr>18-24054 Lønnssatster 2018 1056708_804652_0.XLSX</vt:lpwstr>
  </property>
  <property fmtid="{D5CDD505-2E9C-101B-9397-08002B2CF9AE}" pid="10" name="FullFileName">
    <vt:lpwstr>\\RB-SXD7E-006\360users\work\i04\rb95\18-24054 Lønnssatster 2018 1056708_804652_0.XLSX</vt:lpwstr>
  </property>
</Properties>
</file>